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na zlaté koleno ze dne </w:t>
      </w:r>
      <w:proofErr w:type="gramStart"/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19.06.2025</w:t>
      </w:r>
      <w:proofErr w:type="gramEnd"/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.; bude fakturovaná částkou 55.932,02,- Kč bez DPH a 62.643,86,- Kč s DPH 12%. 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V příloze zasílám fakturu. 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4B50C2" w:rsidRPr="004B50C2" w:rsidRDefault="0055747F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XX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SPECIALIST LIMA CZ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0"/>
          <w:szCs w:val="10"/>
          <w:lang w:val="en-US" w:eastAsia="cs-CZ"/>
          <w14:ligatures w14:val="standardContextual"/>
        </w:rPr>
        <w:t> </w:t>
      </w:r>
    </w:p>
    <w:p w:rsidR="0055747F" w:rsidRDefault="0055747F" w:rsidP="004B50C2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XXX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T </w:t>
      </w:r>
      <w:r w:rsidR="0055747F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XX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F </w:t>
      </w:r>
      <w:r w:rsidR="0055747F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XX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M </w:t>
      </w:r>
      <w:r w:rsidR="0055747F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</w:t>
      </w:r>
      <w:bookmarkStart w:id="0" w:name="_GoBack"/>
      <w:bookmarkEnd w:id="0"/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fwmtjyt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fwmtjytf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lang w:eastAsia="cs-CZ"/>
        </w:rPr>
        <w:t> </w:t>
      </w:r>
    </w:p>
    <w:p w:rsidR="004B50C2" w:rsidRPr="004B50C2" w:rsidRDefault="004B50C2" w:rsidP="004B50C2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4B50C2">
        <w:rPr>
          <w:rFonts w:ascii="Arial" w:eastAsia="Times New Roman" w:hAnsi="Arial" w:cs="Arial"/>
          <w:lang w:eastAsia="cs-CZ"/>
        </w:rPr>
        <w:t> </w:t>
      </w:r>
    </w:p>
    <w:p w:rsidR="00840B09" w:rsidRDefault="00840B09"/>
    <w:sectPr w:rsidR="00840B0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50C2"/>
    <w:rsid w:val="004B50C2"/>
    <w:rsid w:val="0055747F"/>
    <w:rsid w:val="00840B0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B50C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B50C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B50C2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B50C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B50C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B50C2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96824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9</Words>
  <Characters>408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7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7-09T08:38:00Z</cp:lastPrinted>
  <dcterms:created xsi:type="dcterms:W3CDTF">2025-07-09T08:39:00Z</dcterms:created>
  <dcterms:modified xsi:type="dcterms:W3CDTF">2025-07-09T08:39:00Z</dcterms:modified>
</cp:coreProperties>
</file>